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12.31時点\01_起案\"/>
    </mc:Choice>
  </mc:AlternateContent>
  <xr:revisionPtr revIDLastSave="0" documentId="13_ncr:1_{01A421A9-D0DD-4CCD-B1F0-A9E43BBFC405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平塚" sheetId="75" r:id="rId1"/>
  </sheets>
  <definedNames>
    <definedName name="_xlnm._FilterDatabase" localSheetId="0" hidden="1">平塚!$B$2:$E$2</definedName>
    <definedName name="_xlnm.Print_Area" localSheetId="0">平塚!$A$1:$E$31</definedName>
    <definedName name="_xlnm.Print_Titles" localSheetId="0">平塚!$2:$2</definedName>
  </definedNames>
  <calcPr calcId="162913"/>
</workbook>
</file>

<file path=xl/sharedStrings.xml><?xml version="1.0" encoding="utf-8"?>
<sst xmlns="http://schemas.openxmlformats.org/spreadsheetml/2006/main" count="122" uniqueCount="95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東横イン湘南平塚駅北口Ⅰ</t>
    <rPh sb="0" eb="2">
      <t>トウヨコ</t>
    </rPh>
    <rPh sb="4" eb="6">
      <t>ショウナン</t>
    </rPh>
    <rPh sb="6" eb="8">
      <t>ヒラツカ</t>
    </rPh>
    <rPh sb="8" eb="9">
      <t>エキ</t>
    </rPh>
    <rPh sb="9" eb="11">
      <t>キタグチ</t>
    </rPh>
    <phoneticPr fontId="5"/>
  </si>
  <si>
    <t>平塚市明石町１－１</t>
    <rPh sb="0" eb="2">
      <t>ヒラツカ</t>
    </rPh>
    <rPh sb="2" eb="3">
      <t>シ</t>
    </rPh>
    <rPh sb="3" eb="6">
      <t>アカシチョウ</t>
    </rPh>
    <phoneticPr fontId="5"/>
  </si>
  <si>
    <t>平塚市明石町１－２６</t>
    <rPh sb="0" eb="2">
      <t>ヒラツカ</t>
    </rPh>
    <rPh sb="2" eb="3">
      <t>シ</t>
    </rPh>
    <rPh sb="3" eb="6">
      <t>アカシチョウ</t>
    </rPh>
    <phoneticPr fontId="5"/>
  </si>
  <si>
    <t>ときわ旅館</t>
    <rPh sb="3" eb="5">
      <t>リョカン</t>
    </rPh>
    <phoneticPr fontId="3"/>
  </si>
  <si>
    <t>平塚市明石町１９－２３</t>
    <rPh sb="0" eb="2">
      <t>ヒラツカ</t>
    </rPh>
    <rPh sb="2" eb="3">
      <t>シ</t>
    </rPh>
    <phoneticPr fontId="5"/>
  </si>
  <si>
    <t>平塚市明石町２４－９</t>
    <rPh sb="0" eb="2">
      <t>ヒラツカ</t>
    </rPh>
    <rPh sb="2" eb="3">
      <t>シ</t>
    </rPh>
    <phoneticPr fontId="5"/>
  </si>
  <si>
    <t>平塚市明石町２５－１</t>
    <rPh sb="0" eb="2">
      <t>ヒラツカ</t>
    </rPh>
    <rPh sb="2" eb="3">
      <t>シ</t>
    </rPh>
    <phoneticPr fontId="5"/>
  </si>
  <si>
    <t>平塚市榎木町９－４１</t>
    <rPh sb="0" eb="2">
      <t>ヒラツカ</t>
    </rPh>
    <rPh sb="2" eb="3">
      <t>シ</t>
    </rPh>
    <phoneticPr fontId="5"/>
  </si>
  <si>
    <t>平塚市総合公園宿泊研修所</t>
    <rPh sb="0" eb="3">
      <t>ヒラツカシ</t>
    </rPh>
    <rPh sb="3" eb="5">
      <t>ソウゴウ</t>
    </rPh>
    <rPh sb="5" eb="7">
      <t>コウエン</t>
    </rPh>
    <rPh sb="7" eb="9">
      <t>シュクハク</t>
    </rPh>
    <rPh sb="9" eb="11">
      <t>ケンシュウ</t>
    </rPh>
    <rPh sb="11" eb="12">
      <t>ジョ</t>
    </rPh>
    <phoneticPr fontId="3"/>
  </si>
  <si>
    <t>平塚市大原１</t>
    <rPh sb="0" eb="2">
      <t>ヒラツカ</t>
    </rPh>
    <rPh sb="2" eb="3">
      <t>シ</t>
    </rPh>
    <phoneticPr fontId="5"/>
  </si>
  <si>
    <t>平塚競輪場選手宿舎 さがみ会館</t>
    <rPh sb="0" eb="2">
      <t>ヒラツカ</t>
    </rPh>
    <rPh sb="2" eb="4">
      <t>ケイリン</t>
    </rPh>
    <rPh sb="4" eb="5">
      <t>ジョウ</t>
    </rPh>
    <rPh sb="5" eb="7">
      <t>センシュ</t>
    </rPh>
    <rPh sb="7" eb="9">
      <t>シュクシャ</t>
    </rPh>
    <rPh sb="13" eb="15">
      <t>カイカン</t>
    </rPh>
    <phoneticPr fontId="3"/>
  </si>
  <si>
    <t>平塚市久領堤５－１</t>
    <rPh sb="0" eb="2">
      <t>ヒラツカ</t>
    </rPh>
    <rPh sb="2" eb="3">
      <t>シ</t>
    </rPh>
    <phoneticPr fontId="5"/>
  </si>
  <si>
    <t>平塚市四之宮２－１７－１７</t>
    <rPh sb="0" eb="2">
      <t>ヒラツカ</t>
    </rPh>
    <rPh sb="2" eb="3">
      <t>シ</t>
    </rPh>
    <phoneticPr fontId="5"/>
  </si>
  <si>
    <t>平塚市撫子原１２－６９</t>
    <rPh sb="0" eb="2">
      <t>ヒラツカ</t>
    </rPh>
    <rPh sb="2" eb="3">
      <t>シ</t>
    </rPh>
    <phoneticPr fontId="5"/>
  </si>
  <si>
    <t>湘南シレーヌ</t>
    <rPh sb="0" eb="2">
      <t>ショウナン</t>
    </rPh>
    <phoneticPr fontId="3"/>
  </si>
  <si>
    <t>平塚市平塚１－２２－２６</t>
    <rPh sb="0" eb="2">
      <t>ヒラツカ</t>
    </rPh>
    <rPh sb="2" eb="3">
      <t>シ</t>
    </rPh>
    <phoneticPr fontId="5"/>
  </si>
  <si>
    <t>東横イン湘南平塚駅北口Ⅱ</t>
    <rPh sb="0" eb="2">
      <t>トウヨコ</t>
    </rPh>
    <rPh sb="4" eb="6">
      <t>ショウナン</t>
    </rPh>
    <rPh sb="6" eb="8">
      <t>ヒラツカ</t>
    </rPh>
    <rPh sb="8" eb="9">
      <t>エキ</t>
    </rPh>
    <rPh sb="9" eb="11">
      <t>キタグチ</t>
    </rPh>
    <phoneticPr fontId="5"/>
  </si>
  <si>
    <t>平塚市紅谷町２－１７</t>
    <rPh sb="0" eb="2">
      <t>ヒラツカ</t>
    </rPh>
    <rPh sb="2" eb="3">
      <t>シ</t>
    </rPh>
    <phoneticPr fontId="5"/>
  </si>
  <si>
    <t>ホテル100%7/7平塚キャッスル</t>
    <rPh sb="10" eb="12">
      <t>ヒラツカ</t>
    </rPh>
    <phoneticPr fontId="3"/>
  </si>
  <si>
    <t>平塚市紅谷町１４－１２</t>
    <rPh sb="0" eb="2">
      <t>ヒラツカ</t>
    </rPh>
    <rPh sb="2" eb="3">
      <t>シ</t>
    </rPh>
    <phoneticPr fontId="5"/>
  </si>
  <si>
    <t>株式会社グランドホテル神奈中</t>
    <rPh sb="0" eb="2">
      <t>カブシキ</t>
    </rPh>
    <rPh sb="2" eb="4">
      <t>カイシャ</t>
    </rPh>
    <rPh sb="11" eb="12">
      <t>カナ</t>
    </rPh>
    <rPh sb="12" eb="13">
      <t>ナ</t>
    </rPh>
    <rPh sb="13" eb="14">
      <t>チュウ</t>
    </rPh>
    <phoneticPr fontId="3"/>
  </si>
  <si>
    <t>平塚市八重咲町６－１８</t>
    <rPh sb="0" eb="2">
      <t>ヒラツカ</t>
    </rPh>
    <rPh sb="2" eb="3">
      <t>シ</t>
    </rPh>
    <phoneticPr fontId="5"/>
  </si>
  <si>
    <t>湘和会堂平塚</t>
    <rPh sb="0" eb="1">
      <t>ショウナン</t>
    </rPh>
    <rPh sb="1" eb="2">
      <t>ワ</t>
    </rPh>
    <rPh sb="2" eb="4">
      <t>カイドウ</t>
    </rPh>
    <rPh sb="4" eb="6">
      <t>ヒラツカ</t>
    </rPh>
    <phoneticPr fontId="3"/>
  </si>
  <si>
    <t>平塚市八千代町７－１８</t>
    <rPh sb="0" eb="2">
      <t>ヒラツカ</t>
    </rPh>
    <rPh sb="2" eb="3">
      <t>シ</t>
    </rPh>
    <phoneticPr fontId="5"/>
  </si>
  <si>
    <t>平塚市夕陽ケ丘１－７</t>
    <rPh sb="0" eb="2">
      <t>ヒラツカ</t>
    </rPh>
    <rPh sb="2" eb="3">
      <t>シ</t>
    </rPh>
    <phoneticPr fontId="5"/>
  </si>
  <si>
    <t>やまいち旅館</t>
    <rPh sb="4" eb="6">
      <t>リョカン</t>
    </rPh>
    <phoneticPr fontId="3"/>
  </si>
  <si>
    <t>平塚市夕陽ケ丘１－１９</t>
    <rPh sb="0" eb="2">
      <t>ヒラツカ</t>
    </rPh>
    <rPh sb="2" eb="3">
      <t>シ</t>
    </rPh>
    <phoneticPr fontId="5"/>
  </si>
  <si>
    <t>大磯プリンスホテル</t>
    <rPh sb="0" eb="2">
      <t>オオイソ</t>
    </rPh>
    <phoneticPr fontId="3"/>
  </si>
  <si>
    <t>大磯町国府本郷５４６</t>
    <rPh sb="0" eb="3">
      <t>オオイソマチ</t>
    </rPh>
    <phoneticPr fontId="5"/>
  </si>
  <si>
    <t>やまいち</t>
    <phoneticPr fontId="3"/>
  </si>
  <si>
    <t>ホテル シエル湘南平塚店</t>
    <rPh sb="7" eb="9">
      <t>ショウナン</t>
    </rPh>
    <rPh sb="9" eb="12">
      <t>ヒラツカテン</t>
    </rPh>
    <phoneticPr fontId="5"/>
  </si>
  <si>
    <t>ホテル アーユル</t>
    <phoneticPr fontId="3"/>
  </si>
  <si>
    <t>サン･ライフ サカエヤ・ホール</t>
    <phoneticPr fontId="3"/>
  </si>
  <si>
    <t>許可番号</t>
    <rPh sb="0" eb="2">
      <t>キョカ</t>
    </rPh>
    <rPh sb="2" eb="4">
      <t>バンゴウ</t>
    </rPh>
    <phoneticPr fontId="1"/>
  </si>
  <si>
    <t>旅館・ホテル</t>
  </si>
  <si>
    <t>第010007号</t>
  </si>
  <si>
    <t>第010006号</t>
  </si>
  <si>
    <t>第010026号</t>
  </si>
  <si>
    <t>第010020号</t>
  </si>
  <si>
    <t>第010004号</t>
  </si>
  <si>
    <t>第010025号</t>
  </si>
  <si>
    <t>第010023号</t>
  </si>
  <si>
    <t>第010017号</t>
  </si>
  <si>
    <t>第010027号</t>
  </si>
  <si>
    <t>第010024号</t>
  </si>
  <si>
    <t>第010008号</t>
  </si>
  <si>
    <t>第010003号</t>
  </si>
  <si>
    <t>第010016号</t>
  </si>
  <si>
    <t>第010022号</t>
  </si>
  <si>
    <t>第010014号</t>
  </si>
  <si>
    <t>第010021号</t>
  </si>
  <si>
    <t>第010019号</t>
  </si>
  <si>
    <t>ホテル サンライフガーデン</t>
    <phoneticPr fontId="3"/>
  </si>
  <si>
    <t>第010031号</t>
    <phoneticPr fontId="1"/>
  </si>
  <si>
    <t>二宮町二宮２１２栄ビル２０１号室</t>
    <phoneticPr fontId="1"/>
  </si>
  <si>
    <t>第010032号</t>
  </si>
  <si>
    <t>miss morgan hotel</t>
    <phoneticPr fontId="1"/>
  </si>
  <si>
    <t>ＮＩＮＯＭＩＹＡ　ＨＯＴＥＬ　ＩＣＨＩＢＡＮ</t>
  </si>
  <si>
    <t>No</t>
    <phoneticPr fontId="1"/>
  </si>
  <si>
    <t>平塚市明石町１２－１５</t>
    <phoneticPr fontId="1"/>
  </si>
  <si>
    <t>HOTEL LiVEMAX BUDGET 平塚駅前</t>
    <phoneticPr fontId="5"/>
  </si>
  <si>
    <t>３Ｓ　ＨＯＴＥＬ　ＨＩＲＡＴＳＵＫＡ</t>
    <phoneticPr fontId="3"/>
  </si>
  <si>
    <t>大磯町西小磯４０６－３</t>
    <phoneticPr fontId="1"/>
  </si>
  <si>
    <t>グレース大磯</t>
    <phoneticPr fontId="1"/>
  </si>
  <si>
    <t>第010033号</t>
    <phoneticPr fontId="1"/>
  </si>
  <si>
    <t>第010034号</t>
    <phoneticPr fontId="1"/>
  </si>
  <si>
    <t>Nonbiri Slowly × おん</t>
    <phoneticPr fontId="1"/>
  </si>
  <si>
    <t>第010035号</t>
    <phoneticPr fontId="1"/>
  </si>
  <si>
    <t>Ｖｉｌｌａ　Ｈｉｒａｔｓｕｋａ　ツバメキタル</t>
    <phoneticPr fontId="1"/>
  </si>
  <si>
    <t>第010036号</t>
    <phoneticPr fontId="1"/>
  </si>
  <si>
    <t>平塚市八重咲町２５－８</t>
    <rPh sb="0" eb="3">
      <t>ヒラツカシ</t>
    </rPh>
    <phoneticPr fontId="1"/>
  </si>
  <si>
    <t>平塚市紅谷町１４－１３</t>
    <rPh sb="0" eb="2">
      <t>ヒラツカ</t>
    </rPh>
    <rPh sb="2" eb="3">
      <t>シ</t>
    </rPh>
    <phoneticPr fontId="5"/>
  </si>
  <si>
    <t>ホテルルートイン平塚駅北口</t>
    <phoneticPr fontId="1"/>
  </si>
  <si>
    <t>第010037号</t>
    <phoneticPr fontId="1"/>
  </si>
  <si>
    <t>うみとやま大磯</t>
    <phoneticPr fontId="1"/>
  </si>
  <si>
    <t>大磯町大磯１８０１</t>
    <rPh sb="0" eb="3">
      <t>オオイソマチ</t>
    </rPh>
    <phoneticPr fontId="1"/>
  </si>
  <si>
    <t>第010038号</t>
    <phoneticPr fontId="1"/>
  </si>
  <si>
    <t>さざ波と貝がらココマーレ平塚</t>
    <phoneticPr fontId="1"/>
  </si>
  <si>
    <t>大磯町高麗３－９－４　１０２</t>
    <phoneticPr fontId="1"/>
  </si>
  <si>
    <t>第010039号</t>
    <phoneticPr fontId="1"/>
  </si>
  <si>
    <t>潮風のＭａｃｃｈｉａｔｏ－ＳＨＯＮＡＮ－</t>
    <phoneticPr fontId="1"/>
  </si>
  <si>
    <t>第010040号</t>
    <phoneticPr fontId="1"/>
  </si>
  <si>
    <t>大磯町大磯２０７７－１</t>
    <rPh sb="0" eb="3">
      <t>オオイソマチ</t>
    </rPh>
    <phoneticPr fontId="1"/>
  </si>
  <si>
    <t>大磯の宿</t>
    <phoneticPr fontId="1"/>
  </si>
  <si>
    <t>第010041号</t>
    <phoneticPr fontId="1"/>
  </si>
  <si>
    <t>ｍａｎｉ　ｍａｎｉ</t>
    <phoneticPr fontId="1"/>
  </si>
  <si>
    <t>大磯町大磯１７２３－１</t>
    <rPh sb="0" eb="3">
      <t>オオイソマチ</t>
    </rPh>
    <phoneticPr fontId="1"/>
  </si>
  <si>
    <t>第010042号</t>
    <phoneticPr fontId="1"/>
  </si>
  <si>
    <t>旅館業法許可施設一覧(令和７年12月31日現在)　　平塚保健福祉事務所所管域（平塚市、大磯町、二宮町）</t>
    <rPh sb="0" eb="4">
      <t>リョカンギョウホウ</t>
    </rPh>
    <rPh sb="4" eb="6">
      <t>キョカ</t>
    </rPh>
    <rPh sb="6" eb="8">
      <t>シセツ</t>
    </rPh>
    <rPh sb="8" eb="10">
      <t>イチラン</t>
    </rPh>
    <rPh sb="11" eb="13">
      <t>レイワ</t>
    </rPh>
    <rPh sb="14" eb="15">
      <t>ネン</t>
    </rPh>
    <rPh sb="17" eb="18">
      <t>ツキ</t>
    </rPh>
    <rPh sb="20" eb="21">
      <t>ニチ</t>
    </rPh>
    <rPh sb="21" eb="23">
      <t>ゲンザイ</t>
    </rPh>
    <phoneticPr fontId="1"/>
  </si>
  <si>
    <t>平塚市札場町２８－６</t>
    <phoneticPr fontId="1"/>
  </si>
  <si>
    <t>平塚市錦町１５－１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2"/>
      <color theme="1"/>
      <name val="ＭＳ 明朝"/>
      <family val="2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</font>
    <font>
      <sz val="14"/>
      <color rgb="FFFF000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4" fillId="0" borderId="0"/>
    <xf numFmtId="0" fontId="4" fillId="0" borderId="0"/>
    <xf numFmtId="38" fontId="9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8" fillId="0" borderId="1" xfId="0" applyFont="1" applyFill="1" applyBorder="1" applyAlignment="1">
      <alignment vertical="center" shrinkToFit="1"/>
    </xf>
    <xf numFmtId="0" fontId="8" fillId="2" borderId="1" xfId="0" applyFont="1" applyFill="1" applyBorder="1" applyAlignment="1">
      <alignment horizontal="center" vertical="center" shrinkToFit="1"/>
    </xf>
    <xf numFmtId="0" fontId="7" fillId="0" borderId="1" xfId="2" applyFont="1" applyFill="1" applyBorder="1" applyAlignment="1">
      <alignment vertical="center"/>
    </xf>
    <xf numFmtId="0" fontId="7" fillId="0" borderId="1" xfId="0" applyFont="1" applyFill="1" applyBorder="1" applyAlignment="1">
      <alignment vertical="center"/>
    </xf>
    <xf numFmtId="38" fontId="8" fillId="0" borderId="1" xfId="3" applyFont="1" applyFill="1" applyBorder="1" applyAlignment="1">
      <alignment vertical="center" shrinkToFit="1"/>
    </xf>
    <xf numFmtId="0" fontId="11" fillId="0" borderId="1" xfId="0" applyFont="1" applyFill="1" applyBorder="1" applyAlignment="1">
      <alignment vertical="center" shrinkToFit="1"/>
    </xf>
    <xf numFmtId="0" fontId="6" fillId="0" borderId="0" xfId="0" applyFont="1" applyBorder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49" fontId="7" fillId="0" borderId="1" xfId="0" applyNumberFormat="1" applyFont="1" applyFill="1" applyBorder="1" applyAlignment="1">
      <alignment horizontal="left" vertical="center"/>
    </xf>
    <xf numFmtId="0" fontId="0" fillId="0" borderId="0" xfId="0" applyBorder="1" applyAlignment="1">
      <alignment vertical="center" shrinkToFit="1"/>
    </xf>
    <xf numFmtId="38" fontId="0" fillId="0" borderId="0" xfId="3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38" fontId="12" fillId="0" borderId="0" xfId="3" applyFont="1" applyBorder="1" applyAlignment="1">
      <alignment vertical="center" shrinkToFit="1"/>
    </xf>
    <xf numFmtId="0" fontId="13" fillId="0" borderId="0" xfId="0" applyFont="1" applyBorder="1" applyAlignment="1">
      <alignment vertical="center" shrinkToFit="1"/>
    </xf>
    <xf numFmtId="0" fontId="10" fillId="0" borderId="0" xfId="0" applyFont="1" applyBorder="1" applyAlignment="1">
      <alignment horizontal="center" vertical="center" shrinkToFit="1"/>
    </xf>
  </cellXfs>
  <cellStyles count="4">
    <cellStyle name="桁区切り" xfId="3" builtinId="6"/>
    <cellStyle name="標準" xfId="0" builtinId="0"/>
    <cellStyle name="標準 2" xfId="1" xr:uid="{00000000-0005-0000-0000-000002000000}"/>
    <cellStyle name="標準_Sheet1" xfId="2" xr:uid="{00000000-0005-0000-0000-000003000000}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F31"/>
  <sheetViews>
    <sheetView tabSelected="1" view="pageBreakPreview" zoomScaleNormal="100" zoomScaleSheetLayoutView="100" workbookViewId="0">
      <pane ySplit="2" topLeftCell="A3" activePane="bottomLeft" state="frozen"/>
      <selection activeCell="B11" sqref="B11"/>
      <selection pane="bottomLeft" activeCell="D16" sqref="D16"/>
    </sheetView>
  </sheetViews>
  <sheetFormatPr defaultColWidth="9" defaultRowHeight="23.1" customHeight="1" x14ac:dyDescent="0.2"/>
  <cols>
    <col min="1" max="1" width="4.19921875" style="7" bestFit="1" customWidth="1"/>
    <col min="2" max="2" width="17.09765625" style="7" customWidth="1"/>
    <col min="3" max="3" width="54.59765625" style="8" customWidth="1"/>
    <col min="4" max="4" width="62.59765625" style="8" customWidth="1"/>
    <col min="5" max="5" width="14.19921875" style="8" customWidth="1"/>
    <col min="6" max="6" width="14.69921875" style="12" customWidth="1"/>
    <col min="7" max="16384" width="9" style="10"/>
  </cols>
  <sheetData>
    <row r="1" spans="1:5" ht="23.1" customHeight="1" x14ac:dyDescent="0.2">
      <c r="A1" s="15" t="s">
        <v>92</v>
      </c>
      <c r="B1" s="15"/>
      <c r="C1" s="15"/>
      <c r="D1" s="15"/>
      <c r="E1" s="15"/>
    </row>
    <row r="2" spans="1:5" ht="23.1" customHeight="1" x14ac:dyDescent="0.2">
      <c r="A2" s="2" t="s">
        <v>62</v>
      </c>
      <c r="B2" s="2" t="s">
        <v>37</v>
      </c>
      <c r="C2" s="2" t="s">
        <v>0</v>
      </c>
      <c r="D2" s="2" t="s">
        <v>1</v>
      </c>
      <c r="E2" s="2" t="s">
        <v>2</v>
      </c>
    </row>
    <row r="3" spans="1:5" ht="23.1" customHeight="1" x14ac:dyDescent="0.2">
      <c r="A3" s="1">
        <v>1</v>
      </c>
      <c r="B3" s="9" t="s">
        <v>55</v>
      </c>
      <c r="C3" s="3" t="s">
        <v>4</v>
      </c>
      <c r="D3" s="3" t="s">
        <v>5</v>
      </c>
      <c r="E3" s="1" t="s">
        <v>38</v>
      </c>
    </row>
    <row r="4" spans="1:5" ht="23.1" customHeight="1" x14ac:dyDescent="0.2">
      <c r="A4" s="1">
        <v>2</v>
      </c>
      <c r="B4" s="9" t="s">
        <v>54</v>
      </c>
      <c r="C4" s="3" t="s">
        <v>64</v>
      </c>
      <c r="D4" s="3" t="s">
        <v>6</v>
      </c>
      <c r="E4" s="1" t="s">
        <v>38</v>
      </c>
    </row>
    <row r="5" spans="1:5" ht="23.1" customHeight="1" x14ac:dyDescent="0.2">
      <c r="A5" s="1">
        <v>3</v>
      </c>
      <c r="B5" s="9" t="s">
        <v>59</v>
      </c>
      <c r="C5" s="3" t="s">
        <v>60</v>
      </c>
      <c r="D5" s="3" t="s">
        <v>63</v>
      </c>
      <c r="E5" s="1" t="s">
        <v>38</v>
      </c>
    </row>
    <row r="6" spans="1:5" ht="23.1" customHeight="1" x14ac:dyDescent="0.2">
      <c r="A6" s="1">
        <v>4</v>
      </c>
      <c r="B6" s="9" t="s">
        <v>53</v>
      </c>
      <c r="C6" s="3" t="s">
        <v>7</v>
      </c>
      <c r="D6" s="3" t="s">
        <v>8</v>
      </c>
      <c r="E6" s="1" t="s">
        <v>38</v>
      </c>
    </row>
    <row r="7" spans="1:5" ht="23.1" customHeight="1" x14ac:dyDescent="0.2">
      <c r="A7" s="1">
        <v>5</v>
      </c>
      <c r="B7" s="9" t="s">
        <v>52</v>
      </c>
      <c r="C7" s="3" t="s">
        <v>65</v>
      </c>
      <c r="D7" s="3" t="s">
        <v>9</v>
      </c>
      <c r="E7" s="1" t="s">
        <v>38</v>
      </c>
    </row>
    <row r="8" spans="1:5" ht="23.1" customHeight="1" x14ac:dyDescent="0.2">
      <c r="A8" s="1">
        <v>6</v>
      </c>
      <c r="B8" s="9" t="s">
        <v>51</v>
      </c>
      <c r="C8" s="3" t="s">
        <v>36</v>
      </c>
      <c r="D8" s="3" t="s">
        <v>10</v>
      </c>
      <c r="E8" s="1" t="s">
        <v>3</v>
      </c>
    </row>
    <row r="9" spans="1:5" ht="23.1" customHeight="1" x14ac:dyDescent="0.2">
      <c r="A9" s="1">
        <v>7</v>
      </c>
      <c r="B9" s="9" t="s">
        <v>50</v>
      </c>
      <c r="C9" s="3" t="s">
        <v>56</v>
      </c>
      <c r="D9" s="3" t="s">
        <v>11</v>
      </c>
      <c r="E9" s="1" t="s">
        <v>38</v>
      </c>
    </row>
    <row r="10" spans="1:5" ht="23.1" customHeight="1" x14ac:dyDescent="0.2">
      <c r="A10" s="1">
        <v>8</v>
      </c>
      <c r="B10" s="9" t="s">
        <v>49</v>
      </c>
      <c r="C10" s="3" t="s">
        <v>12</v>
      </c>
      <c r="D10" s="3" t="s">
        <v>13</v>
      </c>
      <c r="E10" s="1" t="s">
        <v>3</v>
      </c>
    </row>
    <row r="11" spans="1:5" ht="23.1" customHeight="1" x14ac:dyDescent="0.2">
      <c r="A11" s="1">
        <v>9</v>
      </c>
      <c r="B11" s="9" t="s">
        <v>69</v>
      </c>
      <c r="C11" s="3" t="s">
        <v>14</v>
      </c>
      <c r="D11" s="3" t="s">
        <v>15</v>
      </c>
      <c r="E11" s="1" t="s">
        <v>38</v>
      </c>
    </row>
    <row r="12" spans="1:5" ht="23.1" customHeight="1" x14ac:dyDescent="0.2">
      <c r="A12" s="1">
        <v>10</v>
      </c>
      <c r="B12" s="9" t="s">
        <v>85</v>
      </c>
      <c r="C12" s="3" t="s">
        <v>84</v>
      </c>
      <c r="D12" s="3" t="s">
        <v>93</v>
      </c>
      <c r="E12" s="1" t="s">
        <v>3</v>
      </c>
    </row>
    <row r="13" spans="1:5" ht="23.1" customHeight="1" x14ac:dyDescent="0.2">
      <c r="A13" s="1">
        <v>11</v>
      </c>
      <c r="B13" s="9" t="s">
        <v>48</v>
      </c>
      <c r="C13" s="3" t="s">
        <v>35</v>
      </c>
      <c r="D13" s="3" t="s">
        <v>16</v>
      </c>
      <c r="E13" s="1" t="s">
        <v>38</v>
      </c>
    </row>
    <row r="14" spans="1:5" ht="23.1" customHeight="1" x14ac:dyDescent="0.2">
      <c r="A14" s="1">
        <v>12</v>
      </c>
      <c r="B14" s="9" t="s">
        <v>47</v>
      </c>
      <c r="C14" s="3" t="s">
        <v>34</v>
      </c>
      <c r="D14" s="3" t="s">
        <v>17</v>
      </c>
      <c r="E14" s="1" t="s">
        <v>38</v>
      </c>
    </row>
    <row r="15" spans="1:5" ht="23.1" customHeight="1" x14ac:dyDescent="0.2">
      <c r="A15" s="1">
        <v>13</v>
      </c>
      <c r="B15" s="9" t="s">
        <v>71</v>
      </c>
      <c r="C15" s="3" t="s">
        <v>70</v>
      </c>
      <c r="D15" s="3" t="s">
        <v>94</v>
      </c>
      <c r="E15" s="1" t="s">
        <v>3</v>
      </c>
    </row>
    <row r="16" spans="1:5" ht="23.1" customHeight="1" x14ac:dyDescent="0.2">
      <c r="A16" s="1">
        <v>14</v>
      </c>
      <c r="B16" s="9" t="s">
        <v>46</v>
      </c>
      <c r="C16" s="3" t="s">
        <v>18</v>
      </c>
      <c r="D16" s="3" t="s">
        <v>19</v>
      </c>
      <c r="E16" s="1" t="s">
        <v>38</v>
      </c>
    </row>
    <row r="17" spans="1:6" ht="23.1" customHeight="1" x14ac:dyDescent="0.2">
      <c r="A17" s="1">
        <v>15</v>
      </c>
      <c r="B17" s="9" t="s">
        <v>45</v>
      </c>
      <c r="C17" s="3" t="s">
        <v>20</v>
      </c>
      <c r="D17" s="3" t="s">
        <v>21</v>
      </c>
      <c r="E17" s="1" t="s">
        <v>38</v>
      </c>
    </row>
    <row r="18" spans="1:6" ht="23.1" customHeight="1" x14ac:dyDescent="0.2">
      <c r="A18" s="1">
        <v>16</v>
      </c>
      <c r="B18" s="9" t="s">
        <v>44</v>
      </c>
      <c r="C18" s="3" t="s">
        <v>22</v>
      </c>
      <c r="D18" s="3" t="s">
        <v>23</v>
      </c>
      <c r="E18" s="1" t="s">
        <v>38</v>
      </c>
    </row>
    <row r="19" spans="1:6" ht="23.1" customHeight="1" x14ac:dyDescent="0.2">
      <c r="A19" s="1">
        <v>17</v>
      </c>
      <c r="B19" s="9" t="s">
        <v>77</v>
      </c>
      <c r="C19" s="3" t="s">
        <v>76</v>
      </c>
      <c r="D19" s="3" t="s">
        <v>75</v>
      </c>
      <c r="E19" s="1" t="s">
        <v>38</v>
      </c>
    </row>
    <row r="20" spans="1:6" ht="23.1" customHeight="1" x14ac:dyDescent="0.2">
      <c r="A20" s="1">
        <v>18</v>
      </c>
      <c r="B20" s="9" t="s">
        <v>73</v>
      </c>
      <c r="C20" s="6" t="s">
        <v>72</v>
      </c>
      <c r="D20" s="1" t="s">
        <v>74</v>
      </c>
      <c r="E20" s="1" t="s">
        <v>3</v>
      </c>
    </row>
    <row r="21" spans="1:6" ht="23.1" customHeight="1" x14ac:dyDescent="0.2">
      <c r="A21" s="1">
        <v>19</v>
      </c>
      <c r="B21" s="9" t="s">
        <v>43</v>
      </c>
      <c r="C21" s="3" t="s">
        <v>24</v>
      </c>
      <c r="D21" s="3" t="s">
        <v>25</v>
      </c>
      <c r="E21" s="1" t="s">
        <v>38</v>
      </c>
    </row>
    <row r="22" spans="1:6" ht="23.1" customHeight="1" x14ac:dyDescent="0.2">
      <c r="A22" s="1">
        <v>20</v>
      </c>
      <c r="B22" s="9" t="s">
        <v>42</v>
      </c>
      <c r="C22" s="3" t="s">
        <v>26</v>
      </c>
      <c r="D22" s="3" t="s">
        <v>27</v>
      </c>
      <c r="E22" s="1" t="s">
        <v>3</v>
      </c>
    </row>
    <row r="23" spans="1:6" ht="23.1" customHeight="1" x14ac:dyDescent="0.2">
      <c r="A23" s="1">
        <v>21</v>
      </c>
      <c r="B23" s="9" t="s">
        <v>41</v>
      </c>
      <c r="C23" s="3" t="s">
        <v>33</v>
      </c>
      <c r="D23" s="3" t="s">
        <v>28</v>
      </c>
      <c r="E23" s="1" t="s">
        <v>38</v>
      </c>
    </row>
    <row r="24" spans="1:6" ht="23.1" customHeight="1" x14ac:dyDescent="0.2">
      <c r="A24" s="1">
        <v>22</v>
      </c>
      <c r="B24" s="9" t="s">
        <v>40</v>
      </c>
      <c r="C24" s="3" t="s">
        <v>29</v>
      </c>
      <c r="D24" s="3" t="s">
        <v>30</v>
      </c>
      <c r="E24" s="1" t="s">
        <v>38</v>
      </c>
    </row>
    <row r="25" spans="1:6" ht="23.1" customHeight="1" x14ac:dyDescent="0.2">
      <c r="A25" s="1">
        <v>23</v>
      </c>
      <c r="B25" s="9" t="s">
        <v>91</v>
      </c>
      <c r="C25" s="3" t="s">
        <v>89</v>
      </c>
      <c r="D25" s="3" t="s">
        <v>90</v>
      </c>
      <c r="E25" s="1" t="s">
        <v>3</v>
      </c>
      <c r="F25" s="14"/>
    </row>
    <row r="26" spans="1:6" ht="23.1" customHeight="1" x14ac:dyDescent="0.2">
      <c r="A26" s="1">
        <v>24</v>
      </c>
      <c r="B26" s="9" t="s">
        <v>80</v>
      </c>
      <c r="C26" s="3" t="s">
        <v>78</v>
      </c>
      <c r="D26" s="3" t="s">
        <v>79</v>
      </c>
      <c r="E26" s="1" t="s">
        <v>3</v>
      </c>
    </row>
    <row r="27" spans="1:6" ht="23.1" customHeight="1" x14ac:dyDescent="0.2">
      <c r="A27" s="1">
        <v>25</v>
      </c>
      <c r="B27" s="9" t="s">
        <v>88</v>
      </c>
      <c r="C27" s="3" t="s">
        <v>87</v>
      </c>
      <c r="D27" s="3" t="s">
        <v>86</v>
      </c>
      <c r="E27" s="1" t="s">
        <v>3</v>
      </c>
    </row>
    <row r="28" spans="1:6" s="11" customFormat="1" ht="23.1" customHeight="1" x14ac:dyDescent="0.2">
      <c r="A28" s="1">
        <v>26</v>
      </c>
      <c r="B28" s="9" t="s">
        <v>39</v>
      </c>
      <c r="C28" s="4" t="s">
        <v>31</v>
      </c>
      <c r="D28" s="4" t="s">
        <v>32</v>
      </c>
      <c r="E28" s="1" t="s">
        <v>38</v>
      </c>
      <c r="F28" s="13"/>
    </row>
    <row r="29" spans="1:6" ht="23.1" customHeight="1" x14ac:dyDescent="0.2">
      <c r="A29" s="1">
        <v>27</v>
      </c>
      <c r="B29" s="9" t="s">
        <v>83</v>
      </c>
      <c r="C29" s="4" t="s">
        <v>81</v>
      </c>
      <c r="D29" s="4" t="s">
        <v>82</v>
      </c>
      <c r="E29" s="1" t="s">
        <v>3</v>
      </c>
    </row>
    <row r="30" spans="1:6" ht="23.1" customHeight="1" x14ac:dyDescent="0.2">
      <c r="A30" s="1">
        <v>28</v>
      </c>
      <c r="B30" s="9" t="s">
        <v>68</v>
      </c>
      <c r="C30" s="4" t="s">
        <v>67</v>
      </c>
      <c r="D30" s="4" t="s">
        <v>66</v>
      </c>
      <c r="E30" s="1" t="s">
        <v>3</v>
      </c>
    </row>
    <row r="31" spans="1:6" ht="23.1" customHeight="1" x14ac:dyDescent="0.2">
      <c r="A31" s="1">
        <v>29</v>
      </c>
      <c r="B31" s="9" t="s">
        <v>57</v>
      </c>
      <c r="C31" s="1" t="s">
        <v>61</v>
      </c>
      <c r="D31" s="1" t="s">
        <v>58</v>
      </c>
      <c r="E31" s="5" t="s">
        <v>3</v>
      </c>
    </row>
  </sheetData>
  <mergeCells count="1">
    <mergeCell ref="A1:E1"/>
  </mergeCells>
  <phoneticPr fontId="1"/>
  <dataValidations count="2">
    <dataValidation type="list" allowBlank="1" showInputMessage="1" showErrorMessage="1" sqref="E2 E32:E1048576" xr:uid="{00000000-0002-0000-0000-000000000000}">
      <formula1>"旅館,ホテル,簡易宿所"</formula1>
    </dataValidation>
    <dataValidation type="list" allowBlank="1" showInputMessage="1" showErrorMessage="1" sqref="E3:E31" xr:uid="{00000000-0002-0000-0000-000001000000}">
      <formula1>"旅館・ホテル,簡易宿所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48" fitToHeight="0" orientation="portrait" r:id="rId1"/>
  <headerFooter alignWithMargins="0">
    <oddFooter>&amp;C1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平塚</vt:lpstr>
      <vt:lpstr>平塚!Print_Area</vt:lpstr>
      <vt:lpstr>平塚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2-16T06:28:09Z</cp:lastPrinted>
  <dcterms:created xsi:type="dcterms:W3CDTF">2016-12-05T08:23:20Z</dcterms:created>
  <dcterms:modified xsi:type="dcterms:W3CDTF">2026-02-24T06:04:47Z</dcterms:modified>
</cp:coreProperties>
</file>